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2"/>
  </p:notesMasterIdLst>
  <p:sldIdLst>
    <p:sldId id="257" r:id="rId9"/>
    <p:sldId id="286" r:id="rId10"/>
    <p:sldId id="285" r:id="rId11"/>
  </p:sldIdLst>
  <p:sldSz cx="9144000" cy="6858000" type="screen4x3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6" name="Forfatter" initials="F" lastIdx="0" clrIdx="5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ECCB7E1-ADC2-4E0E-AA7F-F43C1784103B}" v="6" dt="2022-04-25T06:28:49.28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2" autoAdjust="0"/>
  </p:normalViewPr>
  <p:slideViewPr>
    <p:cSldViewPr snapToGrid="0" showGuides="1">
      <p:cViewPr varScale="1">
        <p:scale>
          <a:sx n="67" d="100"/>
          <a:sy n="67" d="100"/>
        </p:scale>
        <p:origin x="1284" y="4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commentAuthors" Target="commentAuthors.xml"/><Relationship Id="rId18" Type="http://schemas.microsoft.com/office/2015/10/relationships/revisionInfo" Target="revisionInfo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notesMaster" Target="notesMasters/notesMaster1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" Target="slides/slide2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6/05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143000" y="685800"/>
            <a:ext cx="4572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91422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700212"/>
            <a:ext cx="7551758" cy="4141785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97233bdf-7ee2-400e-a4a7-33bde87053d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45042"/>
            <a:ext cx="426362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>
                <a:solidFill>
                  <a:schemeClr val="bg1"/>
                </a:solidFill>
              </a:rPr>
              <a:t>Institut for Sundhedstjenesteforskning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3623"/>
            <a:ext cx="524408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e7e357f5-84e5-479a-b8a1-e65e4ade046d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6867027" y="6463691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bg1"/>
                </a:solidFill>
              </a:rPr>
              <a:t>oktober 2020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A106030F-762D-4558-AC93-8148A1162EE4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02C9E90-37DD-4C1A-AB21-3AF2DA430E0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57" y="6375535"/>
            <a:ext cx="800713" cy="225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2" y="0"/>
            <a:ext cx="4574475" cy="68580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019300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text" descr="{&quot;templafy&quot;:{&quot;id&quot;:&quot;bb7e1013-dabb-4e23-9ef5-98f4c94c56cf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5019300" y="51614"/>
            <a:ext cx="3510000" cy="478677"/>
          </a:xfrm>
          <a:prstGeom prst="rect">
            <a:avLst/>
          </a:prstGeom>
          <a:noFill/>
        </p:spPr>
        <p:txBody>
          <a:bodyPr wrap="square" lIns="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5018728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ff05b8a4-92c5-49f6-b733-6eb1ac96be98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oktober 2020</a:t>
            </a:r>
          </a:p>
        </p:txBody>
      </p: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B9BB03FB-BC65-4B73-9B66-32507EBF134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8728" y="6381356"/>
            <a:ext cx="797663" cy="225677"/>
          </a:xfrm>
          <a:prstGeom prst="rect">
            <a:avLst/>
          </a:prstGeom>
        </p:spPr>
      </p:pic>
      <p:sp>
        <p:nvSpPr>
          <p:cNvPr id="23" name="Title 1">
            <a:extLst>
              <a:ext uri="{FF2B5EF4-FFF2-40B4-BE49-F238E27FC236}">
                <a16:creationId xmlns:a16="http://schemas.microsoft.com/office/drawing/2014/main" id="{EFD876A3-4F24-4834-9FFF-7E8AD294562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435D18C-F049-45BC-9DD0-BCABC1798FE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E104C035-217A-42D1-9683-2601433D8C2F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3" name="#sdudk">
            <a:extLst>
              <a:ext uri="{FF2B5EF4-FFF2-40B4-BE49-F238E27FC236}">
                <a16:creationId xmlns:a16="http://schemas.microsoft.com/office/drawing/2014/main" id="{C18994E3-0B00-4329-9B53-BB93E9AA623E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5032802" y="2003078"/>
            <a:ext cx="3507803" cy="1373041"/>
          </a:xfrm>
        </p:spPr>
        <p:txBody>
          <a:bodyPr/>
          <a:lstStyle>
            <a:lvl1pPr>
              <a:defRPr sz="36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32800" y="1204110"/>
            <a:ext cx="3494458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308376" y="1016000"/>
            <a:ext cx="303290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362B1B9-F66F-48C9-958A-2484A6C43493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C1D70FD-38F1-46F9-B7F9-51176E935F50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A3974D71-A9A9-43C8-8AF8-FC9660E0F28F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4F91CDD8-F125-4A35-872E-713802788FB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608454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608454" y="2695029"/>
            <a:ext cx="2990094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8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1609277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607860" y="4869330"/>
            <a:ext cx="2990093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251988" indent="0">
              <a:buNone/>
              <a:defRPr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5562099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  <a:lvl2pPr marL="251988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562099" y="2694300"/>
            <a:ext cx="2990095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562099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562099" y="4869330"/>
            <a:ext cx="2990092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90A5C489-0AEB-4F39-B37E-6EC8588172DF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F5B7CCF-6C75-4BD9-8985-C5EC64759CDA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E9B44DD-5439-4457-BCA6-2324E90AE91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699200"/>
            <a:ext cx="7551758" cy="4142800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Date Placeholder 14" hidden="1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245C5615-9459-4EE6-86B2-C2A5E8954E81}"/>
              </a:ext>
            </a:extLst>
          </p:cNvPr>
          <p:cNvSpPr/>
          <p:nvPr userDrawn="1"/>
        </p:nvSpPr>
        <p:spPr>
          <a:xfrm>
            <a:off x="7813797" y="6285390"/>
            <a:ext cx="1330203" cy="57261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7975" y="2221200"/>
            <a:ext cx="4025700" cy="3620805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9b06c9ca-807a-425d-9c37-ad200c243c9f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DA926880-EFD3-4E03-AD41-B5DEE1001487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6" name="Picture 15">
            <a:extLst>
              <a:ext uri="{FF2B5EF4-FFF2-40B4-BE49-F238E27FC236}">
                <a16:creationId xmlns:a16="http://schemas.microsoft.com/office/drawing/2014/main" id="{8CDE456A-3D3A-4660-B621-87E808BE7FF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18" name="sdu.dk">
            <a:extLst>
              <a:ext uri="{FF2B5EF4-FFF2-40B4-BE49-F238E27FC236}">
                <a16:creationId xmlns:a16="http://schemas.microsoft.com/office/drawing/2014/main" id="{6C8DAC0B-B30A-4593-8919-5508EB9A14CB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2" name="#sdudk">
            <a:extLst>
              <a:ext uri="{FF2B5EF4-FFF2-40B4-BE49-F238E27FC236}">
                <a16:creationId xmlns:a16="http://schemas.microsoft.com/office/drawing/2014/main" id="{75CC3EE1-0472-467D-B6AF-AD454628F83D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700216"/>
            <a:ext cx="40257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5365D2B1-210B-42EE-8D73-A45E7FBB19A4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4EB576-C3BD-40C7-A696-33E1091F31D7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005017" y="1700212"/>
            <a:ext cx="352044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D878337C-9D85-4AF5-8E11-FD9725FB326C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1620000"/>
            <a:ext cx="4024700" cy="188428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617000" y="1028246"/>
            <a:ext cx="39123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5" name="text" descr="{&quot;templafy&quot;:{&quot;id&quot;:&quot;6f0ca591-4f58-4a77-a453-d3be68637776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B063E12-3A78-43AF-B532-A9E1604993CE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E3946F3E-2623-49B8-BD55-537079D20B2D}"/>
              </a:ext>
            </a:extLst>
          </p:cNvPr>
          <p:cNvSpPr/>
          <p:nvPr userDrawn="1"/>
        </p:nvSpPr>
        <p:spPr>
          <a:xfrm>
            <a:off x="7813797" y="6285390"/>
            <a:ext cx="1330203" cy="57261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0" y="1016000"/>
            <a:ext cx="8221499" cy="68421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307800" y="1989138"/>
            <a:ext cx="8221500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date" descr="{&quot;templafy&quot;:{&quot;id&quot;:&quot;f3183550-936f-403a-a3e9-cb7ea043aefa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oktober 2020</a:t>
            </a:r>
          </a:p>
        </p:txBody>
      </p:sp>
      <p:sp>
        <p:nvSpPr>
          <p:cNvPr id="15" name="text" descr="{&quot;templafy&quot;:{&quot;id&quot;:&quot;8bb564f9-a556-4317-95a5-3e16007f80f9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F1524F5-F277-484A-9FB9-403BD4052861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250055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" descr="{&quot;templafy&quot;:{&quot;id&quot;:&quot;9c83c4d2-34d1-40ce-9ae1-418b54f19995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15" name="date" descr="{&quot;templafy&quot;:{&quot;id&quot;:&quot;31d786d2-b2c1-4ee7-8da7-7a1695a211fe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oktober 2020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16824" y="1000450"/>
            <a:ext cx="3808024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93FB2E00-7E1B-4EE9-85FB-270EDC86D788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8551AC97-9031-4CC7-955F-C81EC8BE45E2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5" name="Picture 24">
            <a:extLst>
              <a:ext uri="{FF2B5EF4-FFF2-40B4-BE49-F238E27FC236}">
                <a16:creationId xmlns:a16="http://schemas.microsoft.com/office/drawing/2014/main" id="{FC0256C1-93B3-4768-8249-4CDA30556E1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26" name="sdu.dk">
            <a:extLst>
              <a:ext uri="{FF2B5EF4-FFF2-40B4-BE49-F238E27FC236}">
                <a16:creationId xmlns:a16="http://schemas.microsoft.com/office/drawing/2014/main" id="{E10468DB-C1E5-43E3-8103-A93D3C0BA409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7" name="#sdudk">
            <a:extLst>
              <a:ext uri="{FF2B5EF4-FFF2-40B4-BE49-F238E27FC236}">
                <a16:creationId xmlns:a16="http://schemas.microsoft.com/office/drawing/2014/main" id="{BA1E852F-9EE9-4889-AA2E-46B9BD847D08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D3F04E1F-B899-4D8C-B699-8C5E24C7ED69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809172"/>
            <a:ext cx="18765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08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454873" y="809171"/>
            <a:ext cx="18765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178" indent="0" algn="ctr">
              <a:buNone/>
              <a:defRPr sz="2000"/>
            </a:lvl2pPr>
            <a:lvl3pPr marL="914354" indent="0" algn="ctr">
              <a:buNone/>
              <a:defRPr sz="1800"/>
            </a:lvl3pPr>
            <a:lvl4pPr marL="1371532" indent="0" algn="ctr">
              <a:buNone/>
              <a:defRPr sz="1600"/>
            </a:lvl4pPr>
            <a:lvl5pPr marL="1828709" indent="0" algn="ctr">
              <a:buNone/>
              <a:defRPr sz="1600"/>
            </a:lvl5pPr>
            <a:lvl6pPr marL="2285886" indent="0" algn="ctr">
              <a:buNone/>
              <a:defRPr sz="1600"/>
            </a:lvl6pPr>
            <a:lvl7pPr marL="2743062" indent="0" algn="ctr">
              <a:buNone/>
              <a:defRPr sz="1600"/>
            </a:lvl7pPr>
            <a:lvl8pPr marL="3200240" indent="0" algn="ctr">
              <a:buNone/>
              <a:defRPr sz="1600"/>
            </a:lvl8pPr>
            <a:lvl9pPr marL="3657418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548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601372" y="809171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601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747871" y="809172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747874" y="1256278"/>
            <a:ext cx="1876499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88D2693-834F-4AD1-A6D1-541C1A204ED3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307801" y="1028247"/>
            <a:ext cx="8534510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07803" y="3369040"/>
            <a:ext cx="8528929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5186700" y="6465600"/>
            <a:ext cx="1680324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DAE8D255-9441-4DC1-8228-7D3063356182}" type="datetime1">
              <a:rPr lang="da-DK" smtClean="0"/>
              <a:t>16-05-2022</a:t>
            </a:fld>
            <a:endParaRPr lang="da-DK" dirty="0"/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980628b1-3358-4336-bc9b-2cb4b73e0919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>
                <a:solidFill>
                  <a:schemeClr val="tx1"/>
                </a:solidFill>
              </a:rPr>
              <a:t>2020</a:t>
            </a:r>
            <a:endParaRPr lang="da-DK" sz="1200" b="0" dirty="0">
              <a:solidFill>
                <a:schemeClr val="tx1"/>
              </a:solidFill>
            </a:endParaRP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33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16-05-2022</a:t>
            </a:fld>
            <a:endParaRPr lang="da-DK" sz="133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04E89A2F-569C-4A46-9E9F-69308A735C01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19" name="sdu.dk">
            <a:extLst>
              <a:ext uri="{FF2B5EF4-FFF2-40B4-BE49-F238E27FC236}">
                <a16:creationId xmlns:a16="http://schemas.microsoft.com/office/drawing/2014/main" id="{CD60DA45-62AE-46C7-A0EE-55A1D1461B4C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0" name="#sdudk">
            <a:extLst>
              <a:ext uri="{FF2B5EF4-FFF2-40B4-BE49-F238E27FC236}">
                <a16:creationId xmlns:a16="http://schemas.microsoft.com/office/drawing/2014/main" id="{E210D131-69D2-4DCF-8B02-28CEF197357D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3" name="text" descr="{&quot;templafy&quot;:{&quot;id&quot;:&quot;707edfa0-fd4a-44b1-b669-b8814c4cc39e&quot;}}" title="UserProfile.Institut.InstituteDCU_{{DocumentLanguage}}">
            <a:extLst>
              <a:ext uri="{FF2B5EF4-FFF2-40B4-BE49-F238E27FC236}">
                <a16:creationId xmlns:a16="http://schemas.microsoft.com/office/drawing/2014/main" id="{70B52138-AE28-4CBC-BE86-D9C22FDF1C98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 ftr="0"/>
  <p:txStyles>
    <p:titleStyle>
      <a:lvl1pPr algn="l" defTabSz="914354" rtl="0" eaLnBrk="1" latinLnBrk="0" hangingPunct="1">
        <a:lnSpc>
          <a:spcPct val="97000"/>
        </a:lnSpc>
        <a:spcBef>
          <a:spcPct val="0"/>
        </a:spcBef>
        <a:buNone/>
        <a:tabLst>
          <a:tab pos="1438203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5962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194" userDrawn="1">
          <p15:clr>
            <a:srgbClr val="F26B43"/>
          </p15:clr>
        </p15:guide>
        <p15:guide id="6" pos="5566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40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sdu.dk/en/om_sdu/institutter_centre/ist_sundhedstjenesteforsk/ist-specialestuderende" TargetMode="External"/><Relationship Id="rId2" Type="http://schemas.openxmlformats.org/officeDocument/2006/relationships/hyperlink" Target="https://www.sdu.dk/en/om_sdu/institutter_centre/ist_sundhedstjenesteforsk/forskningsinstruks" TargetMode="External"/><Relationship Id="rId1" Type="http://schemas.openxmlformats.org/officeDocument/2006/relationships/slideLayout" Target="../slideLayouts/slideLayout6.xml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E12F1FFB-4F8C-48D1-B7DF-087EE863695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8000" dirty="0"/>
              <a:t>GDPR </a:t>
            </a:r>
            <a:r>
              <a:rPr lang="da-DK" sz="8000" dirty="0" err="1"/>
              <a:t>awareness</a:t>
            </a:r>
            <a:endParaRPr lang="da-DK" sz="80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EDA39111-4154-4F77-80F9-E921B187F187}" type="datetime1">
              <a:rPr lang="da-DK" smtClean="0"/>
              <a:t>16-05-202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6F3DEEE-2828-425C-B9D1-A5139F5A6B1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ews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C6666A8-BC87-4475-B39B-55D6CF763450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dirty="0"/>
              <a:t>New options for Masters Students</a:t>
            </a:r>
          </a:p>
          <a:p>
            <a:r>
              <a:rPr lang="da-DK" dirty="0"/>
              <a:t>New </a:t>
            </a:r>
            <a:r>
              <a:rPr lang="da-DK" dirty="0" err="1"/>
              <a:t>storage</a:t>
            </a:r>
            <a:r>
              <a:rPr lang="da-DK" dirty="0"/>
              <a:t> solution at SDU</a:t>
            </a:r>
          </a:p>
          <a:p>
            <a:r>
              <a:rPr lang="da-DK" dirty="0" err="1"/>
              <a:t>Corresponding</a:t>
            </a:r>
            <a:r>
              <a:rPr lang="da-DK" dirty="0"/>
              <a:t> </a:t>
            </a:r>
            <a:r>
              <a:rPr lang="da-DK" dirty="0" err="1"/>
              <a:t>changes</a:t>
            </a:r>
            <a:r>
              <a:rPr lang="da-DK" dirty="0"/>
              <a:t> in the research </a:t>
            </a:r>
            <a:r>
              <a:rPr lang="da-DK" dirty="0" err="1"/>
              <a:t>instruction</a:t>
            </a:r>
            <a:endParaRPr lang="da-DK" dirty="0"/>
          </a:p>
          <a:p>
            <a:r>
              <a:rPr lang="da-DK" dirty="0"/>
              <a:t>SDU RIO visits </a:t>
            </a:r>
            <a:r>
              <a:rPr lang="da-DK" dirty="0" err="1"/>
              <a:t>first</a:t>
            </a:r>
            <a:r>
              <a:rPr lang="da-DK" dirty="0"/>
              <a:t> </a:t>
            </a:r>
            <a:r>
              <a:rPr lang="da-DK" dirty="0" err="1"/>
              <a:t>Monday</a:t>
            </a:r>
            <a:r>
              <a:rPr lang="da-DK" dirty="0"/>
              <a:t> of the </a:t>
            </a:r>
            <a:r>
              <a:rPr lang="da-DK" dirty="0" err="1"/>
              <a:t>month</a:t>
            </a:r>
            <a:r>
              <a:rPr lang="da-DK" dirty="0"/>
              <a:t>, WP9B, 2.47</a:t>
            </a:r>
          </a:p>
          <a:p>
            <a:endParaRPr lang="da-DK" dirty="0"/>
          </a:p>
          <a:p>
            <a:r>
              <a:rPr lang="da-DK" dirty="0"/>
              <a:t>”reminder </a:t>
            </a:r>
            <a:r>
              <a:rPr lang="da-DK" dirty="0" err="1"/>
              <a:t>road</a:t>
            </a:r>
            <a:r>
              <a:rPr lang="da-DK" dirty="0"/>
              <a:t> show”:</a:t>
            </a:r>
          </a:p>
          <a:p>
            <a:pPr lvl="1"/>
            <a:r>
              <a:rPr lang="da-DK" dirty="0"/>
              <a:t>EBB 6th April</a:t>
            </a:r>
          </a:p>
          <a:p>
            <a:pPr lvl="1"/>
            <a:r>
              <a:rPr lang="da-DK" dirty="0"/>
              <a:t>Brugerperspektiver 4th May</a:t>
            </a:r>
          </a:p>
          <a:p>
            <a:pPr lvl="1"/>
            <a:r>
              <a:rPr lang="da-DK" dirty="0"/>
              <a:t>KFFM 6th May</a:t>
            </a:r>
          </a:p>
          <a:p>
            <a:pPr lvl="1"/>
            <a:r>
              <a:rPr lang="da-DK" dirty="0" err="1"/>
              <a:t>DaCHE</a:t>
            </a:r>
            <a:r>
              <a:rPr lang="da-DK" dirty="0"/>
              <a:t> 20th May</a:t>
            </a:r>
          </a:p>
          <a:p>
            <a:pPr lvl="1"/>
            <a:r>
              <a:rPr lang="da-DK" dirty="0"/>
              <a:t>FEA 25th May</a:t>
            </a:r>
          </a:p>
          <a:p>
            <a:pPr lvl="1"/>
            <a:r>
              <a:rPr lang="da-DK" dirty="0"/>
              <a:t>Esbjerg 8th June</a:t>
            </a:r>
          </a:p>
          <a:p>
            <a:pPr lvl="1"/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0188CAA-AD64-4580-B156-113FC5B438B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73F63B3-9FD7-4058-A7F3-3BA917B37CD6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CC3D66B0-BE9A-473E-A6AE-5D34249634E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9" name="Grafik 8" descr="Internet">
            <a:extLst>
              <a:ext uri="{FF2B5EF4-FFF2-40B4-BE49-F238E27FC236}">
                <a16:creationId xmlns:a16="http://schemas.microsoft.com/office/drawing/2014/main" id="{DFE4EF31-EF5C-4795-AFD9-08095414535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422683" y="2971799"/>
            <a:ext cx="1735383" cy="173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4643145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FA1854A-94CB-4FFE-99DF-C083F3665E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More info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445C15B-C84B-49FE-8ADB-AA27FBD34ADF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dirty="0"/>
              <a:t>Link to </a:t>
            </a:r>
            <a:r>
              <a:rPr lang="da-DK" dirty="0">
                <a:hlinkClick r:id="rId2"/>
              </a:rPr>
              <a:t>IST research </a:t>
            </a:r>
            <a:r>
              <a:rPr lang="da-DK" dirty="0" err="1">
                <a:hlinkClick r:id="rId2"/>
              </a:rPr>
              <a:t>instruction</a:t>
            </a:r>
            <a:endParaRPr lang="da-DK" dirty="0"/>
          </a:p>
          <a:p>
            <a:endParaRPr lang="da-DK" dirty="0"/>
          </a:p>
          <a:p>
            <a:r>
              <a:rPr lang="da-DK" dirty="0"/>
              <a:t>IST </a:t>
            </a:r>
            <a:r>
              <a:rPr lang="da-DK" dirty="0" err="1"/>
              <a:t>Master’s</a:t>
            </a:r>
            <a:r>
              <a:rPr lang="da-DK" dirty="0"/>
              <a:t> students page: </a:t>
            </a:r>
            <a:r>
              <a:rPr lang="da-DK" dirty="0">
                <a:hlinkClick r:id="rId3"/>
              </a:rPr>
              <a:t>https://www.sdu.dk/en/om_sdu/institutter_centre/ist_sundhedstjenesteforsk/ist-specialestuderende</a:t>
            </a:r>
            <a:r>
              <a:rPr lang="da-DK" dirty="0"/>
              <a:t> </a:t>
            </a:r>
          </a:p>
          <a:p>
            <a:endParaRPr lang="da-DK" dirty="0"/>
          </a:p>
          <a:p>
            <a:r>
              <a:rPr lang="da-DK" dirty="0"/>
              <a:t>All templates </a:t>
            </a:r>
            <a:r>
              <a:rPr lang="da-DK" dirty="0" err="1"/>
              <a:t>can</a:t>
            </a:r>
            <a:r>
              <a:rPr lang="da-DK" dirty="0"/>
              <a:t> </a:t>
            </a:r>
            <a:r>
              <a:rPr lang="da-DK" dirty="0" err="1"/>
              <a:t>be</a:t>
            </a:r>
            <a:r>
              <a:rPr lang="da-DK" dirty="0"/>
              <a:t> </a:t>
            </a:r>
            <a:r>
              <a:rPr lang="da-DK" dirty="0" err="1"/>
              <a:t>found</a:t>
            </a:r>
            <a:r>
              <a:rPr lang="da-DK"/>
              <a:t> on the Masters students page. </a:t>
            </a:r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E8C3BDCC-F8FE-453B-A202-2F6F726F2CA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9042DF0-D816-46B1-8578-3ADA6F9074C1}" type="datetime1">
              <a:rPr lang="da-DK" smtClean="0"/>
              <a:t>16-05-2022</a:t>
            </a:fld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8CFBE743-EB01-48C8-9988-327399C37AC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8" name="Grafik 7" descr="Link">
            <a:extLst>
              <a:ext uri="{FF2B5EF4-FFF2-40B4-BE49-F238E27FC236}">
                <a16:creationId xmlns:a16="http://schemas.microsoft.com/office/drawing/2014/main" id="{1CFA5470-37C5-49A7-892F-05EFFC32567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390114" y="2562141"/>
            <a:ext cx="2276168" cy="22761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59670677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891901321425537","enableDocumentContentUpdater":true,"version":"1.3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],"formDataEntries":[{"name":"Date","value":"X87VI+3Es3T01rNSqwimYw=="}]}]]></Templafy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{"type":"shape","id":"980628b1-3358-4336-bc9b-2cb4b73e0919","elementConfiguration":{"format":"{{DateFormats.MonthYear}}","binding":"Form.Date","disableUpdates":false,"type":"date"}},{"type":"shape","id":"707edfa0-fd4a-44b1-b669-b8814c4cc39e","elementConfiguration":{"binding":"UserProfile.Institut.InstituteDCU_{{DocumentLanguage}}","disableUpdates":false,"type":"text"}},{"type":"shape","id":"9c83c4d2-34d1-40ce-9ae1-418b54f19995","elementConfiguration":{"binding":"UserProfile.Institut.InstituteDCU_{{DocumentLanguage}}","disableUpdates":false,"type":"text"}},{"type":"shape","id":"31d786d2-b2c1-4ee7-8da7-7a1695a211fe","elementConfiguration":{"format":"{{DateFormats.MonthYear}}","binding":"Form.Date","disableUpdates":false,"type":"date"}},{"type":"shape","id":"9b06c9ca-807a-425d-9c37-ad200c243c9f","elementConfiguration":{"binding":"UserProfile.Institut.InstituteDCU_{{DocumentLanguage}}","disableUpdates":false,"type":"text"}},{"type":"shape","id":"7297fe29-22aa-4e09-8114-90576fd48da3","elementConfiguration":{"format":"{{DateFormats.MonthYear}}","binding":"Form.Date","disableUpdates":false,"type":"date"}},{"type":"shape","id":"f3183550-936f-403a-a3e9-cb7ea043aefa","elementConfiguration":{"format":"{{DateFormats.MonthYear}}","binding":"Form.Date","disableUpdates":false,"type":"date"}},{"type":"shape","id":"8bb564f9-a556-4317-95a5-3e16007f80f9","elementConfiguration":{"binding":"UserProfile.Institut.InstituteDCU_{{DocumentLanguage}}","disableUpdates":false,"type":"text"}},{"type":"shape","id":"97233bdf-7ee2-400e-a4a7-33bde87053d2","elementConfiguration":{"binding":"UserProfile.Institut.InstituteDCU_{{DocumentLanguage}}","disableUpdates":false,"type":"text"}},{"type":"shape","id":"e7e357f5-84e5-479a-b8a1-e65e4ade046d","elementConfiguration":{"format":"{{DateFormats.MonthYear}}","binding":"Form.Date","disableUpdates":false,"type":"date"}},{"type":"shape","id":"9d0e11b8-9561-49b9-9175-88d01b4711e4","elementConfiguration":{"format":"{{DateFormats.MonthYear}}","binding":"Form.Date","disableUpdates":false,"type":"date"}},{"type":"shape","id":"6f0ca591-4f58-4a77-a453-d3be68637776","elementConfiguration":{"binding":"UserProfile.Institut.InstituteDCU_{{DocumentLanguage}}","disableUpdates":false,"type":"text"}},{"type":"shape","id":"bb7e1013-dabb-4e23-9ef5-98f4c94c56cf","elementConfiguration":{"binding":"UserProfile.Institut.InstituteDCU_{{DocumentLanguage}}","disableUpdates":false,"type":"text"}},{"type":"shape","id":"ff05b8a4-92c5-49f6-b733-6eb1ac96be98","elementConfiguration":{"format":"{{DateFormats.MonthYear}}","binding":"Form.Date","disableUpdates":false,"type":"date"}}],"transformationConfigurations":[{"language":"{{DocumentLanguage}}","disableUpdates":false,"type":"proofingLanguage"}],"templateName":"SDU 4:3 template","templateDescription":"Tom Powerpointskabelon i 4:3 med enhed, dato og links","enableDocumentContentUpdater":true,"version":"1.3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9AF3ED8866393144AD60446157AA32CB" ma:contentTypeVersion="2" ma:contentTypeDescription="Opret et nyt dokument." ma:contentTypeScope="" ma:versionID="13c5edfdfb178237ae70843e5186492b">
  <xsd:schema xmlns:xsd="http://www.w3.org/2001/XMLSchema" xmlns:xs="http://www.w3.org/2001/XMLSchema" xmlns:p="http://schemas.microsoft.com/office/2006/metadata/properties" xmlns:ns2="93307761-5ae9-4d35-ba3d-f9ded2078bf9" targetNamespace="http://schemas.microsoft.com/office/2006/metadata/properties" ma:root="true" ma:fieldsID="fd6a6b6ae2c5a6c7f27a26a801998c76" ns2:_="">
    <xsd:import namespace="93307761-5ae9-4d35-ba3d-f9ded2078bf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3307761-5ae9-4d35-ba3d-f9ded2078bf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6AC76967-EC00-4378-9F2E-E93801122F7F}">
  <ds:schemaRefs/>
</ds:datastoreItem>
</file>

<file path=customXml/itemProps2.xml><?xml version="1.0" encoding="utf-8"?>
<ds:datastoreItem xmlns:ds="http://schemas.openxmlformats.org/officeDocument/2006/customXml" ds:itemID="{A0024625-FF67-44EB-80BA-CBD48A308808}">
  <ds:schemaRefs/>
</ds:datastoreItem>
</file>

<file path=customXml/itemProps3.xml><?xml version="1.0" encoding="utf-8"?>
<ds:datastoreItem xmlns:ds="http://schemas.openxmlformats.org/officeDocument/2006/customXml" ds:itemID="{18AC4054-766B-4184-8C82-3C99998DAC7F}">
  <ds:schemaRefs/>
</ds:datastoreItem>
</file>

<file path=customXml/itemProps4.xml><?xml version="1.0" encoding="utf-8"?>
<ds:datastoreItem xmlns:ds="http://schemas.openxmlformats.org/officeDocument/2006/customXml" ds:itemID="{8A792DBC-07F1-4A35-9526-E88E29AB5063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484C70F-0F64-4774-853F-19FDF7E1F81D}">
  <ds:schemaRefs/>
</ds:datastoreItem>
</file>

<file path=customXml/itemProps6.xml><?xml version="1.0" encoding="utf-8"?>
<ds:datastoreItem xmlns:ds="http://schemas.openxmlformats.org/officeDocument/2006/customXml" ds:itemID="{69120118-3A93-4E7B-900B-431BD7F017A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3307761-5ae9-4d35-ba3d-f9ded2078bf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FFD3A185-8679-4D1D-90F0-48CE5FE3A96C}">
  <ds:schemaRefs>
    <ds:schemaRef ds:uri="http://purl.org/dc/terms/"/>
    <ds:schemaRef ds:uri="http://schemas.microsoft.com/office/2006/metadata/properties"/>
    <ds:schemaRef ds:uri="http://purl.org/dc/dcmitype/"/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93307761-5ae9-4d35-ba3d-f9ded2078bf9"/>
    <ds:schemaRef ds:uri="http://schemas.openxmlformats.org/package/2006/metadata/core-properties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05</Words>
  <Application>Microsoft Office PowerPoint</Application>
  <PresentationFormat>Skærmshow (4:3)</PresentationFormat>
  <Paragraphs>25</Paragraphs>
  <Slides>3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3</vt:i4>
      </vt:variant>
    </vt:vector>
  </HeadingPairs>
  <TitlesOfParts>
    <vt:vector size="6" baseType="lpstr">
      <vt:lpstr>Arial</vt:lpstr>
      <vt:lpstr>Wingdings</vt:lpstr>
      <vt:lpstr>Blank</vt:lpstr>
      <vt:lpstr>GDPR awareness</vt:lpstr>
      <vt:lpstr>News</vt:lpstr>
      <vt:lpstr>More info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1-15T10:32:39Z</dcterms:created>
  <dcterms:modified xsi:type="dcterms:W3CDTF">2022-05-16T09:17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42:11.8023097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8946676274</vt:lpwstr>
  </property>
  <property fmtid="{D5CDD505-2E9C-101B-9397-08002B2CF9AE}" pid="5" name="TemplafyUserProfileId">
    <vt:lpwstr>636546325697003605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9AF3ED8866393144AD60446157AA32CB</vt:lpwstr>
  </property>
</Properties>
</file>